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laricu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2B9B8471-981A-7C3F-A674-960766A52C6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64594" y="4963814"/>
            <a:ext cx="2332059" cy="16557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C1316E76-8ACB-E5FE-294D-D8E783680C8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2079" y="4180114"/>
            <a:ext cx="1555135" cy="110414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7-01T12:13:10Z</dcterms:modified>
</cp:coreProperties>
</file>